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1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11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1" uniqueCount="28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本</t>
  </si>
  <si>
    <t>トキコ　ＨＤ５８４６０４７型</t>
  </si>
  <si>
    <t>オイルダンパー分解整備</t>
  </si>
  <si>
    <t>トキコ　ＯＤ３５Ａ型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オイルダンパー分解整備</t>
    <phoneticPr fontId="3"/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１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7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vertical="center" shrinkToFit="1"/>
    </xf>
    <xf numFmtId="177" fontId="2" fillId="0" borderId="5" xfId="0" applyNumberFormat="1" applyFont="1" applyBorder="1" applyAlignment="1">
      <alignment horizontal="right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6" xfId="0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horizontal="right" vertical="center" shrinkToFit="1"/>
    </xf>
    <xf numFmtId="0" fontId="8" fillId="0" borderId="10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177" fontId="2" fillId="0" borderId="6" xfId="0" applyNumberFormat="1" applyFont="1" applyBorder="1" applyAlignment="1">
      <alignment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177" fontId="2" fillId="0" borderId="5" xfId="0" applyNumberFormat="1" applyFont="1" applyBorder="1" applyAlignment="1">
      <alignment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12" xfId="0" applyFont="1" applyBorder="1" applyAlignment="1">
      <alignment horizontal="center" vertical="center" shrinkToFit="1"/>
    </xf>
    <xf numFmtId="0" fontId="8" fillId="0" borderId="7" xfId="0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4" xfId="0" applyNumberFormat="1" applyFont="1" applyBorder="1" applyAlignment="1">
      <alignment horizontal="left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center" vertical="center" shrinkToFit="1"/>
    </xf>
    <xf numFmtId="0" fontId="8" fillId="0" borderId="4" xfId="0" applyNumberFormat="1" applyFont="1" applyBorder="1" applyAlignment="1">
      <alignment horizontal="center" vertical="center" shrinkToFit="1"/>
    </xf>
    <xf numFmtId="177" fontId="2" fillId="0" borderId="15" xfId="0" applyNumberFormat="1" applyFont="1" applyBorder="1" applyAlignment="1">
      <alignment vertical="center" shrinkToFit="1"/>
    </xf>
    <xf numFmtId="177" fontId="2" fillId="0" borderId="14" xfId="0" applyNumberFormat="1" applyFont="1" applyBorder="1" applyAlignment="1">
      <alignment vertical="center" shrinkToFit="1"/>
    </xf>
    <xf numFmtId="177" fontId="2" fillId="0" borderId="11" xfId="0" applyNumberFormat="1" applyFont="1" applyBorder="1" applyAlignment="1">
      <alignment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0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left" vertical="center" shrinkToFit="1"/>
    </xf>
    <xf numFmtId="177" fontId="2" fillId="0" borderId="17" xfId="0" applyNumberFormat="1" applyFont="1" applyBorder="1" applyAlignment="1">
      <alignment horizontal="center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0" fontId="2" fillId="0" borderId="16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0" xfId="0" applyFont="1" applyBorder="1" applyAlignment="1">
      <alignment horizontal="center" vertical="center"/>
    </xf>
    <xf numFmtId="0" fontId="10" fillId="0" borderId="22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1" xfId="1" applyFont="1" applyBorder="1" applyAlignment="1">
      <alignment vertical="center" wrapText="1"/>
    </xf>
    <xf numFmtId="0" fontId="5" fillId="0" borderId="19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5" xfId="1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61"/>
      <c r="B1" s="66"/>
      <c r="C1" s="66"/>
      <c r="D1" s="66"/>
      <c r="E1" s="59"/>
      <c r="F1" s="60"/>
      <c r="G1" s="59"/>
      <c r="H1" s="58" t="s">
        <v>27</v>
      </c>
    </row>
    <row r="2" spans="1:10" ht="6.75" customHeight="1" x14ac:dyDescent="0.15">
      <c r="B2" s="57"/>
      <c r="C2" s="57"/>
      <c r="D2" s="55"/>
      <c r="E2" s="55"/>
      <c r="F2" s="56"/>
      <c r="G2" s="55"/>
      <c r="H2" s="55"/>
    </row>
    <row r="3" spans="1:10" ht="38.25" customHeight="1" x14ac:dyDescent="0.15">
      <c r="A3" s="67" t="s">
        <v>26</v>
      </c>
      <c r="B3" s="67"/>
      <c r="C3" s="67"/>
      <c r="D3" s="67"/>
      <c r="E3" s="67"/>
      <c r="F3" s="67"/>
      <c r="G3" s="67"/>
      <c r="H3" s="67"/>
    </row>
    <row r="4" spans="1:10" ht="12.75" customHeight="1" thickBot="1" x14ac:dyDescent="0.2">
      <c r="A4" s="49"/>
      <c r="B4" s="49"/>
      <c r="C4" s="49"/>
      <c r="D4" s="49"/>
      <c r="E4" s="49"/>
      <c r="F4" s="49"/>
      <c r="G4" s="49"/>
      <c r="H4" s="49"/>
    </row>
    <row r="5" spans="1:10" ht="38.25" customHeight="1" thickBot="1" x14ac:dyDescent="0.2">
      <c r="A5" s="54"/>
      <c r="B5" s="53" t="s">
        <v>25</v>
      </c>
      <c r="C5" s="68"/>
      <c r="D5" s="68"/>
      <c r="E5" s="68"/>
      <c r="F5" s="68"/>
      <c r="G5" s="52" t="s">
        <v>24</v>
      </c>
      <c r="H5" s="49"/>
      <c r="J5" s="51" t="s">
        <v>23</v>
      </c>
    </row>
    <row r="6" spans="1:10" ht="12.75" customHeight="1" x14ac:dyDescent="0.15">
      <c r="A6" s="50"/>
      <c r="B6" s="50"/>
      <c r="C6" s="50"/>
      <c r="D6" s="50"/>
      <c r="E6" s="50"/>
      <c r="F6" s="50"/>
      <c r="G6" s="50"/>
      <c r="H6" s="49"/>
    </row>
    <row r="7" spans="1:10" ht="36.75" customHeight="1" x14ac:dyDescent="0.15">
      <c r="A7" s="7"/>
      <c r="B7" s="69" t="s">
        <v>22</v>
      </c>
      <c r="C7" s="69"/>
      <c r="D7" s="69"/>
      <c r="H7" s="48"/>
    </row>
    <row r="8" spans="1:10" ht="24.95" customHeight="1" x14ac:dyDescent="0.15">
      <c r="A8" s="70" t="s">
        <v>21</v>
      </c>
      <c r="B8" s="71"/>
      <c r="C8" s="70" t="s">
        <v>20</v>
      </c>
      <c r="D8" s="71"/>
      <c r="E8" s="47" t="s">
        <v>19</v>
      </c>
      <c r="F8" s="45" t="s">
        <v>18</v>
      </c>
      <c r="G8" s="46" t="s">
        <v>17</v>
      </c>
      <c r="H8" s="45" t="s">
        <v>16</v>
      </c>
    </row>
    <row r="9" spans="1:10" ht="24.95" customHeight="1" x14ac:dyDescent="0.15">
      <c r="A9" s="20">
        <v>1</v>
      </c>
      <c r="B9" s="44" t="s">
        <v>14</v>
      </c>
      <c r="C9" s="23">
        <v>1</v>
      </c>
      <c r="D9" s="43" t="s">
        <v>15</v>
      </c>
      <c r="E9" s="42" t="s">
        <v>12</v>
      </c>
      <c r="F9" s="16">
        <v>60</v>
      </c>
      <c r="G9" s="41"/>
      <c r="H9" s="72"/>
    </row>
    <row r="10" spans="1:10" ht="24.95" customHeight="1" x14ac:dyDescent="0.15">
      <c r="A10" s="20">
        <v>1</v>
      </c>
      <c r="B10" s="19" t="s">
        <v>14</v>
      </c>
      <c r="C10" s="17">
        <v>2</v>
      </c>
      <c r="D10" s="18" t="s">
        <v>13</v>
      </c>
      <c r="E10" s="38" t="s">
        <v>12</v>
      </c>
      <c r="F10" s="16">
        <v>15</v>
      </c>
      <c r="G10" s="11"/>
      <c r="H10" s="72"/>
    </row>
    <row r="11" spans="1:10" ht="24.95" customHeight="1" x14ac:dyDescent="0.15">
      <c r="A11" s="20"/>
      <c r="B11" s="19"/>
      <c r="C11" s="17"/>
      <c r="D11" s="18"/>
      <c r="E11" s="38"/>
      <c r="F11" s="16"/>
      <c r="G11" s="11"/>
      <c r="H11" s="72"/>
    </row>
    <row r="12" spans="1:10" ht="24.95" customHeight="1" x14ac:dyDescent="0.15">
      <c r="A12" s="20"/>
      <c r="B12" s="19"/>
      <c r="C12" s="17"/>
      <c r="D12" s="18"/>
      <c r="E12" s="38"/>
      <c r="F12" s="16"/>
      <c r="G12" s="11"/>
      <c r="H12" s="72"/>
    </row>
    <row r="13" spans="1:10" ht="24.95" customHeight="1" x14ac:dyDescent="0.15">
      <c r="A13" s="15"/>
      <c r="B13" s="14"/>
      <c r="C13" s="13"/>
      <c r="D13" s="29"/>
      <c r="E13" s="37"/>
      <c r="F13" s="12"/>
      <c r="G13" s="40"/>
      <c r="H13" s="73"/>
    </row>
    <row r="14" spans="1:10" ht="24.95" customHeight="1" x14ac:dyDescent="0.15">
      <c r="A14" s="20"/>
      <c r="B14" s="26"/>
      <c r="C14" s="25"/>
      <c r="D14" s="24"/>
      <c r="E14" s="34"/>
      <c r="F14" s="22"/>
      <c r="G14" s="39"/>
      <c r="H14" s="74"/>
    </row>
    <row r="15" spans="1:10" ht="24.95" customHeight="1" x14ac:dyDescent="0.15">
      <c r="A15" s="20"/>
      <c r="B15" s="19"/>
      <c r="C15" s="17"/>
      <c r="D15" s="18"/>
      <c r="E15" s="38"/>
      <c r="F15" s="16"/>
      <c r="G15" s="21"/>
      <c r="H15" s="72"/>
    </row>
    <row r="16" spans="1:10" ht="24.95" customHeight="1" x14ac:dyDescent="0.15">
      <c r="A16" s="20"/>
      <c r="B16" s="19"/>
      <c r="C16" s="17"/>
      <c r="D16" s="18"/>
      <c r="E16" s="38"/>
      <c r="F16" s="16"/>
      <c r="G16" s="11"/>
      <c r="H16" s="72"/>
    </row>
    <row r="17" spans="1:8" ht="24.95" customHeight="1" x14ac:dyDescent="0.15">
      <c r="A17" s="20"/>
      <c r="B17" s="19"/>
      <c r="C17" s="17"/>
      <c r="D17" s="18"/>
      <c r="E17" s="38"/>
      <c r="F17" s="16"/>
      <c r="G17" s="11"/>
      <c r="H17" s="72"/>
    </row>
    <row r="18" spans="1:8" ht="24.95" customHeight="1" x14ac:dyDescent="0.15">
      <c r="A18" s="15"/>
      <c r="B18" s="14"/>
      <c r="C18" s="13"/>
      <c r="D18" s="29"/>
      <c r="E18" s="37"/>
      <c r="F18" s="12"/>
      <c r="G18" s="30"/>
      <c r="H18" s="73"/>
    </row>
    <row r="19" spans="1:8" ht="24.95" customHeight="1" x14ac:dyDescent="0.15">
      <c r="A19" s="20"/>
      <c r="B19" s="26"/>
      <c r="C19" s="25"/>
      <c r="D19" s="24"/>
      <c r="E19" s="34"/>
      <c r="F19" s="22"/>
      <c r="G19" s="21"/>
      <c r="H19" s="74"/>
    </row>
    <row r="20" spans="1:8" ht="24.95" customHeight="1" x14ac:dyDescent="0.15">
      <c r="A20" s="20"/>
      <c r="B20" s="19"/>
      <c r="C20" s="17"/>
      <c r="D20" s="18"/>
      <c r="E20" s="38"/>
      <c r="F20" s="16"/>
      <c r="G20" s="11"/>
      <c r="H20" s="72"/>
    </row>
    <row r="21" spans="1:8" ht="24.95" customHeight="1" x14ac:dyDescent="0.15">
      <c r="A21" s="20"/>
      <c r="B21" s="19"/>
      <c r="C21" s="17"/>
      <c r="D21" s="18"/>
      <c r="E21" s="38"/>
      <c r="F21" s="16"/>
      <c r="G21" s="11"/>
      <c r="H21" s="72"/>
    </row>
    <row r="22" spans="1:8" ht="24.95" customHeight="1" x14ac:dyDescent="0.15">
      <c r="A22" s="20"/>
      <c r="B22" s="19"/>
      <c r="C22" s="17"/>
      <c r="D22" s="18"/>
      <c r="E22" s="38"/>
      <c r="F22" s="16"/>
      <c r="G22" s="11"/>
      <c r="H22" s="72"/>
    </row>
    <row r="23" spans="1:8" ht="24.95" customHeight="1" x14ac:dyDescent="0.15">
      <c r="A23" s="15"/>
      <c r="B23" s="14"/>
      <c r="C23" s="13"/>
      <c r="D23" s="29"/>
      <c r="E23" s="37"/>
      <c r="F23" s="12"/>
      <c r="G23" s="27"/>
      <c r="H23" s="75"/>
    </row>
    <row r="24" spans="1:8" ht="24.95" customHeight="1" x14ac:dyDescent="0.15">
      <c r="A24" s="20"/>
      <c r="B24" s="26"/>
      <c r="C24" s="25"/>
      <c r="D24" s="24"/>
      <c r="E24" s="36"/>
      <c r="F24" s="22"/>
      <c r="G24" s="21"/>
      <c r="H24" s="74"/>
    </row>
    <row r="25" spans="1:8" ht="24.95" customHeight="1" x14ac:dyDescent="0.15">
      <c r="A25" s="20"/>
      <c r="B25" s="19"/>
      <c r="C25" s="17"/>
      <c r="D25" s="35"/>
      <c r="E25" s="34"/>
      <c r="F25" s="16"/>
      <c r="G25" s="11"/>
      <c r="H25" s="72"/>
    </row>
    <row r="26" spans="1:8" ht="24.95" customHeight="1" x14ac:dyDescent="0.15">
      <c r="A26" s="20"/>
      <c r="B26" s="19"/>
      <c r="C26" s="17"/>
      <c r="D26" s="18"/>
      <c r="E26" s="17"/>
      <c r="F26" s="16"/>
      <c r="G26" s="11"/>
      <c r="H26" s="72"/>
    </row>
    <row r="27" spans="1:8" ht="24.95" customHeight="1" x14ac:dyDescent="0.15">
      <c r="A27" s="33"/>
      <c r="B27" s="19"/>
      <c r="C27" s="17"/>
      <c r="D27" s="18"/>
      <c r="E27" s="17"/>
      <c r="F27" s="16"/>
      <c r="G27" s="11"/>
      <c r="H27" s="72"/>
    </row>
    <row r="28" spans="1:8" ht="24.95" customHeight="1" x14ac:dyDescent="0.15">
      <c r="A28" s="32"/>
      <c r="B28" s="14"/>
      <c r="C28" s="13"/>
      <c r="D28" s="31"/>
      <c r="E28" s="13"/>
      <c r="F28" s="12"/>
      <c r="G28" s="30"/>
      <c r="H28" s="75"/>
    </row>
    <row r="29" spans="1:8" ht="24.95" customHeight="1" x14ac:dyDescent="0.15">
      <c r="A29" s="20"/>
      <c r="B29" s="26"/>
      <c r="C29" s="25"/>
      <c r="D29" s="24"/>
      <c r="E29" s="25"/>
      <c r="F29" s="22"/>
      <c r="G29" s="21"/>
      <c r="H29" s="74"/>
    </row>
    <row r="30" spans="1:8" ht="24.95" customHeight="1" x14ac:dyDescent="0.15">
      <c r="A30" s="20"/>
      <c r="B30" s="19"/>
      <c r="C30" s="17"/>
      <c r="D30" s="18"/>
      <c r="E30" s="17"/>
      <c r="F30" s="16"/>
      <c r="G30" s="11"/>
      <c r="H30" s="72"/>
    </row>
    <row r="31" spans="1:8" ht="24.95" customHeight="1" x14ac:dyDescent="0.15">
      <c r="A31" s="20"/>
      <c r="B31" s="19"/>
      <c r="C31" s="17"/>
      <c r="D31" s="18"/>
      <c r="E31" s="17"/>
      <c r="F31" s="16"/>
      <c r="G31" s="11"/>
      <c r="H31" s="72"/>
    </row>
    <row r="32" spans="1:8" ht="24.95" customHeight="1" x14ac:dyDescent="0.15">
      <c r="A32" s="20"/>
      <c r="B32" s="19"/>
      <c r="C32" s="17"/>
      <c r="D32" s="18"/>
      <c r="E32" s="17"/>
      <c r="F32" s="16"/>
      <c r="G32" s="11"/>
      <c r="H32" s="72"/>
    </row>
    <row r="33" spans="1:8" ht="24.95" customHeight="1" x14ac:dyDescent="0.15">
      <c r="A33" s="15"/>
      <c r="B33" s="14"/>
      <c r="C33" s="13"/>
      <c r="D33" s="29"/>
      <c r="E33" s="28"/>
      <c r="F33" s="12"/>
      <c r="G33" s="27"/>
      <c r="H33" s="75"/>
    </row>
    <row r="34" spans="1:8" ht="24.95" customHeight="1" x14ac:dyDescent="0.15">
      <c r="A34" s="20"/>
      <c r="B34" s="26"/>
      <c r="C34" s="25"/>
      <c r="D34" s="24"/>
      <c r="E34" s="23"/>
      <c r="F34" s="22"/>
      <c r="G34" s="21"/>
      <c r="H34" s="74"/>
    </row>
    <row r="35" spans="1:8" ht="24.95" customHeight="1" x14ac:dyDescent="0.15">
      <c r="A35" s="20"/>
      <c r="B35" s="19"/>
      <c r="C35" s="17"/>
      <c r="D35" s="18"/>
      <c r="E35" s="17"/>
      <c r="F35" s="16"/>
      <c r="G35" s="11"/>
      <c r="H35" s="72"/>
    </row>
    <row r="36" spans="1:8" ht="24.95" customHeight="1" x14ac:dyDescent="0.15">
      <c r="A36" s="20"/>
      <c r="B36" s="19"/>
      <c r="C36" s="17"/>
      <c r="D36" s="18"/>
      <c r="E36" s="17"/>
      <c r="F36" s="16"/>
      <c r="G36" s="11"/>
      <c r="H36" s="72"/>
    </row>
    <row r="37" spans="1:8" ht="24.95" customHeight="1" x14ac:dyDescent="0.15">
      <c r="A37" s="20"/>
      <c r="B37" s="19"/>
      <c r="C37" s="17"/>
      <c r="D37" s="18"/>
      <c r="E37" s="17"/>
      <c r="F37" s="16"/>
      <c r="G37" s="11"/>
      <c r="H37" s="72"/>
    </row>
    <row r="38" spans="1:8" ht="24.95" customHeight="1" thickBot="1" x14ac:dyDescent="0.2">
      <c r="A38" s="15"/>
      <c r="B38" s="14"/>
      <c r="C38" s="13"/>
      <c r="D38" s="14"/>
      <c r="E38" s="13"/>
      <c r="F38" s="12"/>
      <c r="G38" s="11"/>
      <c r="H38" s="72"/>
    </row>
    <row r="39" spans="1:8" ht="24.95" customHeight="1" thickBot="1" x14ac:dyDescent="0.2">
      <c r="A39" s="63" t="s">
        <v>11</v>
      </c>
      <c r="B39" s="64"/>
      <c r="C39" s="64"/>
      <c r="D39" s="64"/>
      <c r="E39" s="64"/>
      <c r="F39" s="64"/>
      <c r="G39" s="64"/>
      <c r="H39" s="76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65" t="s">
        <v>10</v>
      </c>
      <c r="B41" s="65"/>
      <c r="C41" s="65"/>
      <c r="D41" s="65"/>
      <c r="E41" s="65"/>
      <c r="F41" s="65"/>
      <c r="G41" s="65"/>
      <c r="H41" s="65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62" t="s">
        <v>1</v>
      </c>
      <c r="B52" s="62"/>
      <c r="C52" s="62"/>
      <c r="D52" s="62"/>
      <c r="E52" s="62"/>
      <c r="F52" s="62"/>
      <c r="G52" s="62"/>
      <c r="H52" s="62"/>
    </row>
    <row r="53" spans="1:8" ht="20.100000000000001" customHeight="1" x14ac:dyDescent="0.15">
      <c r="A53" s="62" t="s">
        <v>0</v>
      </c>
      <c r="B53" s="62"/>
      <c r="C53" s="62"/>
      <c r="D53" s="62"/>
      <c r="E53" s="62"/>
      <c r="F53" s="62"/>
      <c r="G53" s="62"/>
      <c r="H53" s="62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F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39">
    <cfRule type="expression" dxfId="1" priority="2" stopIfTrue="1">
      <formula>ISERROR(H39)</formula>
    </cfRule>
  </conditionalFormatting>
  <conditionalFormatting sqref="G9:H38">
    <cfRule type="expression" dxfId="0" priority="1" stopIfTrue="1">
      <formula>ISERROR(G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1</vt:lpstr>
      <vt:lpstr>'211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48:33Z</dcterms:created>
  <dcterms:modified xsi:type="dcterms:W3CDTF">2022-03-01T11:56:29Z</dcterms:modified>
</cp:coreProperties>
</file>